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6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uithoor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24A86D7E-5889-4A9F-433E-4511FE2262E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241731" y="4558393"/>
            <a:ext cx="2132015" cy="211069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CDE79EDA-0808-52B5-DD08-29267B32FBA6}"/>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5307" y="4133850"/>
            <a:ext cx="1290846" cy="127793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4</cp:revision>
  <dcterms:created xsi:type="dcterms:W3CDTF">2019-07-30T10:24:44Z</dcterms:created>
  <dcterms:modified xsi:type="dcterms:W3CDTF">2024-10-03T08:46:30Z</dcterms:modified>
</cp:coreProperties>
</file>